
<file path=[Content_Types].xml><?xml version="1.0" encoding="utf-8"?>
<Types xmlns="http://schemas.openxmlformats.org/package/2006/content-types">
  <Default ContentType="application/vnd.openxmlformats-package.relationships+xml" Extension="rels"/>
  <Default ContentType="application/xml" Extension="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wordprocessingml.document.main+xml" PartName="/word/document.xml"/>
  <Override ContentType="application/vnd.openxmlformats-officedocument.wordprocessingml.settings+xml" PartName="/word/settings.xml"/>
</Types>
</file>

<file path=_rels/.rels><?xml version="1.0" encoding="UTF-8" standalone="no"?><Relationships xmlns="http://schemas.openxmlformats.org/package/2006/relationships"><Relationship Id="rId1" Target="word/document.xml" Type="http://schemas.openxmlformats.org/officeDocument/2006/relationships/officeDocument"/><Relationship Id="rId2" Target="docProps/app.xml" Type="http://schemas.openxmlformats.org/officeDocument/2006/relationships/extended-properties"/><Relationship Id="rId3" Target="docProps/core.xml" Type="http://schemas.openxmlformats.org/package/2006/relationships/metadata/core-properties"/></Relationships>
</file>

<file path=word/document.xml><?xml version="1.0" encoding="utf-8"?>
<w:document xmlns:w="http://schemas.openxmlformats.org/wordprocessingml/2006/main">
  <w:body>
    <w:p>
      <w:r/>
    </w:p>
    <w:p>
      <w:pPr>
        <w:jc w:val="left"/>
      </w:pPr>
      <w:r/>
      <w:r>
        <w:rPr>
          <w:rFonts w:ascii="Arial" w:hAnsi="Arial" w:cs="Arial" w:eastAsia="Arial"/>
          <w:b w:val="true"/>
          <w:color w:val="000000"/>
          <w:sz w:val="28"/>
        </w:rPr>
        <w:t/>
        <w:cr/>
        <w:t>General Linear Model</w:t>
        <w:cr/>
      </w:r>
    </w:p>
    <w:p>
      <w:r/>
    </w:p>
    <w:tbl>
      <w:tblPr>
        <w:tblW w:w="0" w:type="auto"/>
        <w:jc w:val="left"/>
        <w:tblLayout w:type="fixed"/>
      </w:tblPr>
      <w:tblGrid>
        <w:gridCol w:w="2448"/>
        <w:gridCol w:w="2788"/>
        <w:gridCol w:w="2754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No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Output Created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6-MAY-2024 23:34:36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mments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pu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at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C:\Users\s1155157933\Downloads\MAIN-FULL_sb-win-size-5.sav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ctive Datase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DataSet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ilter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eigh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plit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N of Rows in Working Data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5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Missing Value Handling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finition of Missing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User-defined missing values are treated as missing.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ases Used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Statistics are based on all cases with valid data for all variables in the model.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yntax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GLM 偏见_Semantic_Breadth 欺凌_Semantic_Breadth 精神病_Semantic_Breadth 创伤_Semantic_Breadth WITH Fairness</w:t>
              <w:br/>
              <w:t>Ingroup Authority Purity</w:t>
              <w:br/>
              <w:t>/METHOD=SSTYPE(3)</w:t>
              <w:br/>
              <w:t>/INTERCEPT=INCLUDE</w:t>
              <w:br/>
              <w:t>/PRINT=ETASQ PARAMETER</w:t>
              <w:br/>
              <w:t>/CRITERIA=ALPHA(.05)</w:t>
              <w:br/>
              <w:t>/DESIGN=Fairness Ingroup Authority Purity.</w:t>
              <w:br/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esource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rocessor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lapsed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1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1819"/>
        <w:gridCol w:w="1139"/>
        <w:gridCol w:w="1139"/>
        <w:gridCol w:w="1428"/>
        <w:gridCol w:w="1139"/>
        <w:gridCol w:w="1139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Multivariate Tests</w:t>
            </w:r>
            <w:r>
              <w:rPr>
                <w:vertAlign w:val="superscript"/>
              </w:rPr>
              <w:t>a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basicThinLines" w:sz="1" w:color="000000"/>
              <w:left w:val="none" w:sz="1" w:color="000000"/>
              <w:bottom w:val="basicThinLines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ffect</w:t>
            </w:r>
          </w:p>
        </w:tc>
        <w:tc>
          <w:tcPr>
            <w:hMerge w:val="continue"/>
            <w:tcBorders>
              <w:top w:val="basicThinLines" w:sz="1" w:color="000000"/>
              <w:left w:val="none" w:sz="1" w:color="000000"/>
              <w:bottom w:val="basicThinLines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Valu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ypothesis d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rror d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ig.</w:t>
            </w:r>
          </w:p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77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7.92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7.92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.49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7.92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.49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7.92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19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3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7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19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3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19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3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19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33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6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62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62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7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62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7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62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8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834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834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834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834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7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1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149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9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8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149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9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149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9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149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2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97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1819"/>
        <w:gridCol w:w="163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Multivariate Tests</w:t>
            </w:r>
            <w:r>
              <w:rPr>
                <w:vertAlign w:val="superscript"/>
              </w:rPr>
              <w:t>a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basicThinLines" w:sz="1" w:color="000000"/>
              <w:left w:val="none" w:sz="1" w:color="000000"/>
              <w:bottom w:val="basicThinLines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ffect</w:t>
            </w:r>
          </w:p>
        </w:tc>
        <w:tc>
          <w:tcPr>
            <w:hMerge w:val="continue"/>
            <w:tcBorders>
              <w:top w:val="basicThinLines" w:sz="1" w:color="000000"/>
              <w:left w:val="none" w:sz="1" w:color="000000"/>
              <w:bottom w:val="basicThinLines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77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77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77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77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0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6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6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6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66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8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8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8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86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1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1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1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12</w:t>
            </w:r>
          </w:p>
        </w:tc>
      </w:tr>
    </w:tbl>
    <w:tbl>
      <w:tblPr>
        <w:tblW w:w="0" w:type="auto"/>
        <w:jc w:val="left"/>
        <w:tblLayout w:type="fixed"/>
      </w:tblPr>
      <w:tblGrid>
        <w:gridCol w:w="1071"/>
        <w:gridCol w:w="1819"/>
        <w:gridCol w:w="1139"/>
        <w:gridCol w:w="1139"/>
        <w:gridCol w:w="1428"/>
        <w:gridCol w:w="1139"/>
        <w:gridCol w:w="1139"/>
      </w:tblGrid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1819"/>
        <w:gridCol w:w="1632"/>
      </w:tblGrid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. Design: Intercept + Fairness + Ingroup + Authority + Purity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b. Exact statistic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768"/>
        <w:gridCol w:w="2703"/>
        <w:gridCol w:w="1666"/>
        <w:gridCol w:w="1156"/>
        <w:gridCol w:w="1479"/>
        <w:gridCol w:w="1156"/>
        <w:gridCol w:w="115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Tests of Between-Subjects Effect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ource</w:t>
            </w:r>
          </w:p>
        </w:tc>
        <w:tc>
          <w:tcPr>
            <w:tcBorders>
              <w:top w:val="none" w:sz="1" w:color="152935"/>
              <w:bottom w:val="singl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pendent Variable</w:t>
            </w:r>
          </w:p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Type III Sum of Squares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d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Mean Square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ig.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Model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1</w:t>
            </w:r>
            <w:r>
              <w:rPr>
                <w:vertAlign w:val="superscript"/>
              </w:rPr>
              <w:t>a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980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9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9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77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2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1</w:t>
            </w:r>
            <w:r>
              <w:rPr>
                <w:vertAlign w:val="superscript"/>
              </w:rPr>
              <w:t>c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53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4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3</w:t>
            </w:r>
            <w:r>
              <w:rPr>
                <w:vertAlign w:val="superscript"/>
              </w:rPr>
              <w:t>d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67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8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8.89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4.34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7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7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9.58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2.7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83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9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3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8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1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27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40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group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3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14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6.0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46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2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8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5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7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208E-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208E-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98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11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7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5.023E-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5.023E-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4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7.1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6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8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7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97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rror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7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3.27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1.12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00.51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95.47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4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2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768"/>
        <w:gridCol w:w="2703"/>
        <w:gridCol w:w="166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Tests of Between-Subjects Effect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ource</w:t>
            </w:r>
          </w:p>
        </w:tc>
        <w:tc>
          <w:tcPr>
            <w:tcBorders>
              <w:top w:val="none" w:sz="1" w:color="152935"/>
              <w:bottom w:val="singl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pendent Variable</w:t>
            </w:r>
          </w:p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Model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center"/>
            </w:pPr>
            <w:r>
              <w:rPr>
                <w:rFonts w:ascii="Arial" w:hAnsi="Arial" w:cs="Arial" w:eastAsia="Arial"/>
                <w:color w:val="010205"/>
                <w:sz w:val="24"/>
              </w:rPr>
              <w:t>.1845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41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49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34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1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9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8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66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group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4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3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2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6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3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rror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</w:tbl>
    <w:tbl>
      <w:tblPr>
        <w:tblW w:w="0" w:type="auto"/>
        <w:jc w:val="left"/>
        <w:tblLayout w:type="fixed"/>
      </w:tblPr>
      <w:tblGrid>
        <w:gridCol w:w="1768"/>
        <w:gridCol w:w="2703"/>
        <w:gridCol w:w="1666"/>
        <w:gridCol w:w="1156"/>
        <w:gridCol w:w="1479"/>
        <w:gridCol w:w="1156"/>
        <w:gridCol w:w="1156"/>
      </w:tblGrid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768"/>
        <w:gridCol w:w="2703"/>
        <w:gridCol w:w="1666"/>
      </w:tblGrid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a. R Squared = .185 (Adjusted R Squared = .091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b. R Squared = .241 (Adjusted R Squared = .154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c. R Squared = .149 (Adjusted R Squared = .052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d. R Squared = .234 (Adjusted R Squared = .146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p>
      <w:r/>
    </w:p>
    <w:tbl>
      <w:tblPr>
        <w:tblW w:w="0" w:type="auto"/>
        <w:jc w:val="left"/>
        <w:tblLayout w:type="fixed"/>
      </w:tblPr>
      <w:tblGrid>
        <w:gridCol w:w="2278"/>
        <w:gridCol w:w="1071"/>
        <w:gridCol w:w="1139"/>
        <w:gridCol w:w="1139"/>
        <w:gridCol w:w="1139"/>
        <w:gridCol w:w="1139"/>
        <w:gridCol w:w="1360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Parameter Estima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ependent Variable</w:t>
            </w:r>
          </w:p>
        </w:tc>
        <w:tc>
          <w:tcPr>
            <w:vMerge w:val="restart"/>
            <w:tcBorders>
              <w:top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ameter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B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td. Error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t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ig.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5% Confidence Interval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Lower Bound</w:t>
            </w:r>
          </w:p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536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63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.428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06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19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4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1.82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1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76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5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4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9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4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00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12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.78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2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7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77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4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9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7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26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2.66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467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84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7.04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31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2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2.46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4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8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3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4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8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214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1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.5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8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5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2.11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4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76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7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68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9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287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2278"/>
        <w:gridCol w:w="1071"/>
        <w:gridCol w:w="1377"/>
        <w:gridCol w:w="163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Parameter Estima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ependent Variable</w:t>
            </w:r>
          </w:p>
        </w:tc>
        <w:tc>
          <w:tcPr>
            <w:vMerge w:val="restart"/>
            <w:tcBorders>
              <w:top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ameter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5% Confidence Interval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tial Eta Squared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Upper Bound</w:t>
            </w:r>
          </w:p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  <w:right w:val="none" w:sz="1" w:color="000000"/>
            </w:tcBorders>
          </w:tcPr>
          <w:p/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867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17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1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7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6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7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6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69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37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8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7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3</w:t>
            </w:r>
          </w:p>
        </w:tc>
      </w:tr>
    </w:tbl>
    <w:p>
      <w:r/>
    </w:p>
    <w:p>
      <w:pPr>
        <w:spacing w:before="200"/>
        <w:jc w:val="left"/>
      </w:pPr>
      <w:r/>
      <w:r>
        <w:rPr>
          <w:rFonts w:ascii="Arial" w:hAnsi="Arial" w:cs="Arial" w:eastAsia="Arial"/>
          <w:b w:val="true"/>
          <w:color w:val="000000"/>
          <w:sz w:val="28"/>
        </w:rPr>
        <w:t/>
        <w:cr/>
        <w:t>General Linear Model</w:t>
        <w:cr/>
      </w:r>
    </w:p>
    <w:p>
      <w:r/>
    </w:p>
    <w:tbl>
      <w:tblPr>
        <w:tblW w:w="0" w:type="auto"/>
        <w:jc w:val="left"/>
        <w:tblLayout w:type="fixed"/>
      </w:tblPr>
      <w:tblGrid>
        <w:gridCol w:w="2448"/>
        <w:gridCol w:w="2788"/>
        <w:gridCol w:w="2754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No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Output Created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6-MAY-2024 23:37:45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mments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pu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at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C:\Users\s1155157933\Downloads\MAIN-FULL_sb-win-size-5.sav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ctive Datase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DataSet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ilter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eigh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plit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N of Rows in Working Data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5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Missing Value Handling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finition of Missing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User-defined missing values are treated as missing.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ases Used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Statistics are based on all cases with valid data for all variables in the model.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yntax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GLM 分裂_Semantic_Breadth 阴谋_Semantic_Breadth 主权_Semantic_Breadth 恐怖主义_Semantic_Breadth WITH Fairness</w:t>
              <w:br/>
              <w:t>Ingroup Authority Purity</w:t>
              <w:br/>
              <w:t>/METHOD=SSTYPE(3)</w:t>
              <w:br/>
              <w:t>/INTERCEPT=INCLUDE</w:t>
              <w:br/>
              <w:t>/PRINT=ETASQ PARAMETER</w:t>
              <w:br/>
              <w:t>/CRITERIA=ALPHA(.05)</w:t>
              <w:br/>
              <w:t>/DESIGN=Fairness Ingroup Authority Purity.</w:t>
              <w:br/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esource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rocessor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lapsed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0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1819"/>
        <w:gridCol w:w="1139"/>
        <w:gridCol w:w="1139"/>
        <w:gridCol w:w="1428"/>
        <w:gridCol w:w="1139"/>
        <w:gridCol w:w="1139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Multivariate Tests</w:t>
            </w:r>
            <w:r>
              <w:rPr>
                <w:vertAlign w:val="superscript"/>
              </w:rPr>
              <w:t>a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basicThinLines" w:sz="1" w:color="000000"/>
              <w:left w:val="none" w:sz="1" w:color="000000"/>
              <w:bottom w:val="basicThinLines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ffect</w:t>
            </w:r>
          </w:p>
        </w:tc>
        <w:tc>
          <w:tcPr>
            <w:hMerge w:val="continue"/>
            <w:tcBorders>
              <w:top w:val="basicThinLines" w:sz="1" w:color="000000"/>
              <w:left w:val="none" w:sz="1" w:color="000000"/>
              <w:bottom w:val="basicThinLines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Valu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ypothesis d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rror d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ig.</w:t>
            </w:r>
          </w:p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22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1.570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7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1.570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61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1.570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61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1.570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62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0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7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62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0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62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62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0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9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7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9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9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9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1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25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1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8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25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1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25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1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25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18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59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5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2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59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5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59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5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59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6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59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1819"/>
        <w:gridCol w:w="163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Multivariate Tests</w:t>
            </w:r>
            <w:r>
              <w:rPr>
                <w:vertAlign w:val="superscript"/>
              </w:rPr>
              <w:t>a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basicThinLines" w:sz="1" w:color="000000"/>
              <w:left w:val="none" w:sz="1" w:color="000000"/>
              <w:bottom w:val="basicThinLines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ffect</w:t>
            </w:r>
          </w:p>
        </w:tc>
        <w:tc>
          <w:tcPr>
            <w:hMerge w:val="continue"/>
            <w:tcBorders>
              <w:top w:val="basicThinLines" w:sz="1" w:color="000000"/>
              <w:left w:val="none" w:sz="1" w:color="000000"/>
              <w:bottom w:val="basicThinLines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22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22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22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22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6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6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0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8</w:t>
            </w:r>
          </w:p>
        </w:tc>
      </w:tr>
    </w:tbl>
    <w:tbl>
      <w:tblPr>
        <w:tblW w:w="0" w:type="auto"/>
        <w:jc w:val="left"/>
        <w:tblLayout w:type="fixed"/>
      </w:tblPr>
      <w:tblGrid>
        <w:gridCol w:w="1071"/>
        <w:gridCol w:w="1819"/>
        <w:gridCol w:w="1139"/>
        <w:gridCol w:w="1139"/>
        <w:gridCol w:w="1428"/>
        <w:gridCol w:w="1139"/>
        <w:gridCol w:w="1139"/>
      </w:tblGrid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1819"/>
        <w:gridCol w:w="1632"/>
      </w:tblGrid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. Design: Intercept + Fairness + Ingroup + Authority + Purity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b. Exact statistic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382"/>
        <w:gridCol w:w="2180"/>
        <w:gridCol w:w="1303"/>
        <w:gridCol w:w="904"/>
        <w:gridCol w:w="1156"/>
        <w:gridCol w:w="904"/>
        <w:gridCol w:w="904"/>
        <w:gridCol w:w="1303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Tests of Between-Subjects Effect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ource</w:t>
            </w:r>
          </w:p>
        </w:tc>
        <w:tc>
          <w:tcPr>
            <w:tcBorders>
              <w:top w:val="none" w:sz="1" w:color="152935"/>
              <w:bottom w:val="singl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pendent Variable</w:t>
            </w:r>
          </w:p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Type III Sum of Squares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d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Mean Square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ig.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Model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1</w:t>
            </w:r>
            <w:r>
              <w:rPr>
                <w:vertAlign w:val="superscript"/>
              </w:rPr>
              <w:t>a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076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03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76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75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20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4</w:t>
            </w:r>
            <w:r>
              <w:rPr>
                <w:vertAlign w:val="superscript"/>
              </w:rPr>
              <w:t>c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45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center"/>
            </w:pPr>
            <w:r>
              <w:rPr>
                <w:rFonts w:ascii="Arial" w:hAnsi="Arial" w:cs="Arial" w:eastAsia="Arial"/>
                <w:color w:val="010205"/>
                <w:sz w:val="24"/>
              </w:rPr>
              <w:t>.234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0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8</w:t>
            </w:r>
            <w:r>
              <w:rPr>
                <w:vertAlign w:val="superscript"/>
              </w:rPr>
              <w:t>d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7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76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9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9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43.52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8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5.45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3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6.19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4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5.52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87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9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9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38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9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0.57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3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group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43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center"/>
            </w:pPr>
            <w:r>
              <w:rPr>
                <w:rFonts w:ascii="Arial" w:hAnsi="Arial" w:cs="Arial" w:eastAsia="Arial"/>
                <w:color w:val="010205"/>
                <w:sz w:val="24"/>
              </w:rPr>
              <w:t>.035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29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6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20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7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3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6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8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28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center"/>
            </w:pPr>
            <w:r>
              <w:rPr>
                <w:rFonts w:ascii="Arial" w:hAnsi="Arial" w:cs="Arial" w:eastAsia="Arial"/>
                <w:color w:val="010205"/>
                <w:sz w:val="24"/>
              </w:rPr>
              <w:t>.055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81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center"/>
            </w:pPr>
            <w:r>
              <w:rPr>
                <w:rFonts w:ascii="Arial" w:hAnsi="Arial" w:cs="Arial" w:eastAsia="Arial"/>
                <w:color w:val="010205"/>
                <w:sz w:val="24"/>
              </w:rPr>
              <w:t>.185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center"/>
            </w:pPr>
            <w:r>
              <w:rPr>
                <w:rFonts w:ascii="Arial" w:hAnsi="Arial" w:cs="Arial" w:eastAsia="Arial"/>
                <w:color w:val="010205"/>
                <w:sz w:val="24"/>
              </w:rPr>
              <w:t>.044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613E-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613E-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9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2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4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6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21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5.228E-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5.228E-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7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9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8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9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center"/>
            </w:pPr>
            <w:r>
              <w:rPr>
                <w:rFonts w:ascii="Arial" w:hAnsi="Arial" w:cs="Arial" w:eastAsia="Arial"/>
                <w:color w:val="010205"/>
                <w:sz w:val="24"/>
              </w:rPr>
              <w:t>.485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3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rror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9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92.43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98.97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4.12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8.15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9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</w:tbl>
    <w:tbl>
      <w:tblPr>
        <w:tblW w:w="0" w:type="auto"/>
        <w:jc w:val="left"/>
        <w:tblLayout w:type="fixed"/>
      </w:tblPr>
      <w:tblGrid>
        <w:gridCol w:w="1382"/>
        <w:gridCol w:w="2180"/>
        <w:gridCol w:w="1303"/>
        <w:gridCol w:w="904"/>
        <w:gridCol w:w="1156"/>
        <w:gridCol w:w="904"/>
        <w:gridCol w:w="904"/>
        <w:gridCol w:w="1303"/>
      </w:tblGrid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a. R Squared = .176 (Adjusted R Squared = .091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b. R Squared = .220 (Adjusted R Squared = .140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c. R Squared = .130 (Adjusted R Squared = .041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d. R Squared = .276 (Adjusted R Squared = .202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2431"/>
        <w:gridCol w:w="1071"/>
        <w:gridCol w:w="1139"/>
        <w:gridCol w:w="1139"/>
        <w:gridCol w:w="1139"/>
        <w:gridCol w:w="1139"/>
        <w:gridCol w:w="1360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Parameter Estima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ependent Variable</w:t>
            </w:r>
          </w:p>
        </w:tc>
        <w:tc>
          <w:tcPr>
            <w:vMerge w:val="restart"/>
            <w:tcBorders>
              <w:top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ameter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B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td. Error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t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ig.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5% Confidence Interval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Lower Bound</w:t>
            </w:r>
          </w:p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749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6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1.980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454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4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7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9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5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1.19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5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1.51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7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7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1.79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52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18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7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6.74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2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8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1.13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3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85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7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04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34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9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6.79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4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22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1.09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7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2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7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8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46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6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.24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8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.25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7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6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47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4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7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85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01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2431"/>
        <w:gridCol w:w="1071"/>
        <w:gridCol w:w="1377"/>
        <w:gridCol w:w="163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Parameter Estima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ependent Variable</w:t>
            </w:r>
          </w:p>
        </w:tc>
        <w:tc>
          <w:tcPr>
            <w:vMerge w:val="restart"/>
            <w:tcBorders>
              <w:top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ameter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5% Confidence Interval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tial Eta Squared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Upper Bound</w:t>
            </w:r>
          </w:p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  <w:right w:val="none" w:sz="1" w:color="000000"/>
            </w:tcBorders>
          </w:tcPr>
          <w:p/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045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86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9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5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54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62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53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3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4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7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4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2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5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8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1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3</w:t>
            </w:r>
          </w:p>
        </w:tc>
      </w:tr>
    </w:tbl>
    <w:sectPr>
      <w:pgSz w:h="16833" w:w="11904" w:orient="portrait"/>
      <w:pgMar w:left="1440" w:top="1440" w:right="1440" w:bottom="1440"/>
    </w:sectPr>
  </w:body>
</w:document>
</file>

<file path=word/settings.xml><?xml version="1.0" encoding="utf-8"?>
<w:settings xmlns:w="http://schemas.openxmlformats.org/wordprocessingml/2006/main"/>
</file>

<file path=word/_rels/document.xml.rels><?xml version="1.0" encoding="UTF-8" standalone="no"?><Relationships xmlns="http://schemas.openxmlformats.org/package/2006/relationships"><Relationship Id="rId1" Target="settings.xml" Type="http://schemas.openxmlformats.org/officeDocument/2006/relationships/settings"/></Relationships>
</file>

<file path=docProps/app.xml><?xml version="1.0" encoding="utf-8"?>
<Properties xmlns="http://schemas.openxmlformats.org/officeDocument/2006/extended-properties">
  <Application>Apache POI</Applicat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>
  <dcterms:created xsi:type="dcterms:W3CDTF">2024-05-06T15:40:42Z</dcterms:created>
  <dc:creator>IBM SPSS Statistics</dc:creator>
</cp:coreProperties>
</file>